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D015B" w:rsidRDefault="00C412D0">
      <w:r>
        <w:rPr>
          <w:noProof/>
          <w:lang w:eastAsia="ru-RU"/>
        </w:rPr>
        <w:drawing>
          <wp:inline distT="0" distB="0" distL="0" distR="0">
            <wp:extent cx="5940425" cy="8374167"/>
            <wp:effectExtent l="0" t="0" r="3175" b="8255"/>
            <wp:docPr id="1" name="Рисунок 1" descr="C:\Users\i5\Documents\Downloads\IMG-20200513-WA008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ocuments\Downloads\IMG-20200513-WA0082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83741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2D015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46EAB"/>
    <w:rsid w:val="002D015B"/>
    <w:rsid w:val="00C412D0"/>
    <w:rsid w:val="00E46E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C412D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C412D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C412D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C412D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RePack by SPecialiST</Company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</dc:creator>
  <cp:lastModifiedBy>i5</cp:lastModifiedBy>
  <cp:revision>2</cp:revision>
  <dcterms:created xsi:type="dcterms:W3CDTF">2020-05-13T10:43:00Z</dcterms:created>
  <dcterms:modified xsi:type="dcterms:W3CDTF">2020-05-13T10:43:00Z</dcterms:modified>
</cp:coreProperties>
</file>